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13A542C" w14:textId="77777777" w:rsidR="00EC6E6D" w:rsidRDefault="00EC6E6D" w:rsidP="00EC6E6D">
      <w:pPr>
        <w:ind w:left="426" w:right="-1276"/>
      </w:pPr>
    </w:p>
    <w:p w14:paraId="45BC0ED9" w14:textId="77777777" w:rsidR="00EC6E6D" w:rsidRDefault="00EC6E6D" w:rsidP="00EC6E6D">
      <w:pPr>
        <w:ind w:left="426" w:right="-1276"/>
      </w:pPr>
    </w:p>
    <w:p w14:paraId="5A928621" w14:textId="77777777" w:rsidR="00EC6E6D" w:rsidRDefault="00EC6E6D" w:rsidP="00EC6E6D">
      <w:pPr>
        <w:ind w:left="426" w:right="-1276"/>
      </w:pPr>
    </w:p>
    <w:p w14:paraId="42307E06" w14:textId="77777777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7D28B3">
        <w:rPr>
          <w:rFonts w:ascii="Arial" w:hAnsi="Arial" w:cs="Arial"/>
          <w:sz w:val="40"/>
          <w:szCs w:val="40"/>
        </w:rPr>
        <w:t>Kroghs A/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7D28B3">
        <w:rPr>
          <w:rFonts w:ascii="Arial" w:hAnsi="Arial" w:cs="Arial"/>
          <w:sz w:val="40"/>
          <w:szCs w:val="40"/>
        </w:rPr>
        <w:t>Vejdybet 19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7D28B3">
        <w:rPr>
          <w:rFonts w:ascii="Arial" w:hAnsi="Arial" w:cs="Arial"/>
          <w:sz w:val="40"/>
          <w:szCs w:val="40"/>
        </w:rPr>
        <w:t>922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7D28B3">
        <w:rPr>
          <w:rFonts w:ascii="Arial" w:hAnsi="Arial" w:cs="Arial"/>
          <w:sz w:val="40"/>
          <w:szCs w:val="40"/>
        </w:rPr>
        <w:t>Aalborg Øst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595F8472" w14:textId="77777777" w:rsidR="00EC6E6D" w:rsidRPr="00D04F95" w:rsidRDefault="00EC6E6D" w:rsidP="00EC6E6D">
      <w:pPr>
        <w:rPr>
          <w:sz w:val="22"/>
        </w:rPr>
      </w:pPr>
    </w:p>
    <w:p w14:paraId="4068E234" w14:textId="77777777" w:rsidR="00EC6E6D" w:rsidRDefault="00EC6E6D" w:rsidP="00EC6E6D">
      <w:pPr>
        <w:ind w:left="851" w:hanging="851"/>
        <w:rPr>
          <w:sz w:val="22"/>
        </w:rPr>
      </w:pPr>
    </w:p>
    <w:p w14:paraId="12BAC819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229B2D71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06F06B7E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362B110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2D39369A" w14:textId="77777777" w:rsidR="00EC6E6D" w:rsidRPr="00245E8B" w:rsidRDefault="007D28B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1.06.2017</w:t>
            </w:r>
          </w:p>
        </w:tc>
      </w:tr>
      <w:tr w:rsidR="00EC6E6D" w:rsidRPr="00245E8B" w14:paraId="1FC9B4D6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058876E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6F506BD0" w14:textId="77777777" w:rsidR="00EC6E6D" w:rsidRPr="00245E8B" w:rsidRDefault="007D28B3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7B44F721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6DEEC731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182B355C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4CAAC610" w14:textId="77777777" w:rsidR="00EC6E6D" w:rsidRPr="00245E8B" w:rsidRDefault="007D28B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225200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4E7D442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36AB8A8B" w14:textId="77777777" w:rsidR="00EC6E6D" w:rsidRPr="00245E8B" w:rsidRDefault="007D28B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45571513</w:t>
            </w:r>
          </w:p>
        </w:tc>
      </w:tr>
      <w:tr w:rsidR="00EC6E6D" w:rsidRPr="00245E8B" w14:paraId="1181FE02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7C5C94B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06C127BD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B1E449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133B3BC4" w14:textId="77777777" w:rsidR="00EC6E6D" w:rsidRPr="00245E8B" w:rsidRDefault="007D28B3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3084531</w:t>
            </w:r>
          </w:p>
          <w:p w14:paraId="627083ED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2FA3D36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150B1A16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260196E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5F46CD2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6CFFA248" w14:textId="77777777" w:rsidR="00EC6E6D" w:rsidRPr="00F94A99" w:rsidRDefault="007D28B3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B52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Mørtel, sten, grus ej indvinding</w:t>
            </w:r>
          </w:p>
        </w:tc>
      </w:tr>
    </w:tbl>
    <w:p w14:paraId="2605C673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469AF0A9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410F56CA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2" w:name="_Toc54669301"/>
    </w:p>
    <w:p w14:paraId="04816398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294"/>
        <w:gridCol w:w="1858"/>
        <w:gridCol w:w="5669"/>
      </w:tblGrid>
      <w:tr w:rsidR="00EC6E6D" w:rsidRPr="00F94A99" w14:paraId="29809B57" w14:textId="77777777" w:rsidTr="00322EB8">
        <w:trPr>
          <w:trHeight w:val="548"/>
          <w:tblHeader/>
        </w:trPr>
        <w:tc>
          <w:tcPr>
            <w:tcW w:w="1294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2D67A62" w14:textId="77777777" w:rsidR="00EC6E6D" w:rsidRPr="005D2D5F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858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921FC56" w14:textId="77777777" w:rsidR="00EC6E6D" w:rsidRPr="005D2D5F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566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7DA371A" w14:textId="77777777" w:rsidR="00EC6E6D" w:rsidRPr="005D2D5F" w:rsidRDefault="00EC6E6D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EC6E6D" w:rsidRPr="00F94A99" w14:paraId="61844FF9" w14:textId="77777777" w:rsidTr="00322EB8">
        <w:trPr>
          <w:trHeight w:val="69"/>
        </w:trPr>
        <w:tc>
          <w:tcPr>
            <w:tcW w:w="1294" w:type="dxa"/>
            <w:tcBorders>
              <w:left w:val="double" w:sz="4" w:space="0" w:color="auto"/>
            </w:tcBorders>
          </w:tcPr>
          <w:p w14:paraId="45D4299A" w14:textId="77777777" w:rsidR="00EC6E6D" w:rsidRPr="00B93A39" w:rsidRDefault="007D28B3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" w:name="ind_enforce_enforce_date"/>
            <w:bookmarkEnd w:id="13"/>
            <w:r>
              <w:rPr>
                <w:rFonts w:ascii="Arial" w:hAnsi="Arial" w:cs="Arial"/>
                <w:sz w:val="20"/>
                <w:szCs w:val="20"/>
              </w:rPr>
              <w:t>18-09-2017</w:t>
            </w:r>
          </w:p>
        </w:tc>
        <w:tc>
          <w:tcPr>
            <w:tcW w:w="1858" w:type="dxa"/>
          </w:tcPr>
          <w:p w14:paraId="774CE058" w14:textId="77777777" w:rsidR="00EC6E6D" w:rsidRPr="00B93A39" w:rsidRDefault="007D28B3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4" w:name="ind_enforce_types_enforce_type_name"/>
            <w:bookmarkStart w:id="15" w:name="ind_enforce_enforce_date_2"/>
            <w:bookmarkEnd w:id="14"/>
            <w:bookmarkEnd w:id="15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5669" w:type="dxa"/>
            <w:tcBorders>
              <w:right w:val="double" w:sz="4" w:space="0" w:color="auto"/>
            </w:tcBorders>
          </w:tcPr>
          <w:p w14:paraId="5B478348" w14:textId="77777777" w:rsidR="00EC6E6D" w:rsidRPr="00B93A39" w:rsidRDefault="007D28B3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" w:name="ind_enforce_comments"/>
            <w:bookmarkStart w:id="17" w:name="ind_enforce_enforce_date_3"/>
            <w:bookmarkEnd w:id="16"/>
            <w:bookmarkEnd w:id="17"/>
            <w:r>
              <w:rPr>
                <w:rFonts w:ascii="Arial" w:hAnsi="Arial" w:cs="Arial"/>
                <w:sz w:val="20"/>
                <w:szCs w:val="20"/>
              </w:rPr>
              <w:t>Råvarer: Smøreolie opbevares på spildbakke.</w:t>
            </w:r>
          </w:p>
        </w:tc>
      </w:tr>
      <w:tr w:rsidR="00EC6E6D" w:rsidRPr="00F94A99" w14:paraId="7850A132" w14:textId="77777777" w:rsidTr="00322EB8">
        <w:trPr>
          <w:trHeight w:val="69"/>
        </w:trPr>
        <w:tc>
          <w:tcPr>
            <w:tcW w:w="1294" w:type="dxa"/>
            <w:tcBorders>
              <w:left w:val="double" w:sz="4" w:space="0" w:color="auto"/>
              <w:bottom w:val="double" w:sz="4" w:space="0" w:color="auto"/>
            </w:tcBorders>
          </w:tcPr>
          <w:p w14:paraId="2BFCF619" w14:textId="77777777" w:rsidR="00EC6E6D" w:rsidRPr="00CE67CB" w:rsidRDefault="007D28B3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" w:name="ind_enforce_enforce_date_4"/>
            <w:bookmarkEnd w:id="18"/>
            <w:r>
              <w:rPr>
                <w:rFonts w:ascii="Arial" w:hAnsi="Arial" w:cs="Arial"/>
                <w:sz w:val="20"/>
                <w:szCs w:val="20"/>
              </w:rPr>
              <w:t>18-09-2017</w:t>
            </w:r>
          </w:p>
        </w:tc>
        <w:tc>
          <w:tcPr>
            <w:tcW w:w="1858" w:type="dxa"/>
            <w:tcBorders>
              <w:bottom w:val="double" w:sz="4" w:space="0" w:color="auto"/>
            </w:tcBorders>
          </w:tcPr>
          <w:p w14:paraId="2279F37A" w14:textId="77777777" w:rsidR="00EC6E6D" w:rsidRPr="00CE67CB" w:rsidRDefault="007D28B3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5"/>
            <w:bookmarkEnd w:id="19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5669" w:type="dxa"/>
            <w:tcBorders>
              <w:bottom w:val="double" w:sz="4" w:space="0" w:color="auto"/>
              <w:right w:val="double" w:sz="4" w:space="0" w:color="auto"/>
            </w:tcBorders>
          </w:tcPr>
          <w:p w14:paraId="3B7E535B" w14:textId="77777777" w:rsidR="00EC6E6D" w:rsidRPr="00CE67CB" w:rsidRDefault="007D28B3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enforce_date_6"/>
            <w:bookmarkEnd w:id="20"/>
            <w:r>
              <w:rPr>
                <w:rFonts w:ascii="Arial" w:hAnsi="Arial" w:cs="Arial"/>
                <w:sz w:val="20"/>
                <w:szCs w:val="20"/>
              </w:rPr>
              <w:t>Olietank: Anmeldelse af dieseltank i BBR.</w:t>
            </w:r>
          </w:p>
        </w:tc>
      </w:tr>
    </w:tbl>
    <w:p w14:paraId="484504E2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2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7A89789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1AD9268C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1CEBD0B6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39CA31F8" w14:textId="77777777" w:rsidR="00EC6E6D" w:rsidRPr="00B93A39" w:rsidRDefault="007D28B3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descr_process"/>
            <w:bookmarkEnd w:id="21"/>
            <w:r>
              <w:rPr>
                <w:rFonts w:ascii="Arial" w:hAnsi="Arial" w:cs="Arial"/>
                <w:sz w:val="20"/>
                <w:szCs w:val="20"/>
              </w:rPr>
              <w:t>Virksomheden er en filial af Kroghs A/S. Der er kun modtagelse af grus og sten med skib samt salg til betonvareindustrien fra adressen. Sorteringsanlægget er flyttet fra adressen. Der er 1 ansat på virksomheden, der kører gummiged for såvel Kroghs A/S som Dansk Natursten.</w:t>
            </w:r>
          </w:p>
        </w:tc>
      </w:tr>
      <w:tr w:rsidR="00EC6E6D" w:rsidRPr="00F94A99" w14:paraId="295B1D8D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DB292E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66B9CDDA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11B17A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76784B7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0CC613A3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896A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5DCC476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0DB9F8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84F3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7B6C820C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DE25028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5EBFF73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product_area"/>
            <w:bookmarkEnd w:id="22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69B3B132" w14:textId="77777777" w:rsidR="00EC6E6D" w:rsidRPr="005D2D5F" w:rsidRDefault="007D28B3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employee_prod"/>
            <w:bookmarkEnd w:id="2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DA1C3E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operating_time"/>
            <w:bookmarkEnd w:id="24"/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1E433C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descr_product_operating_time_sat"/>
            <w:bookmarkEnd w:id="25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AA2429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" w:name="ind_descr_product_operating_time_sun"/>
            <w:bookmarkEnd w:id="26"/>
          </w:p>
        </w:tc>
      </w:tr>
      <w:tr w:rsidR="00EC6E6D" w:rsidRPr="005D2D5F" w14:paraId="35C736C2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E2A078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3D70206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19734FC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70D851C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70AF5033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68C921C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49CE09A6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env_control_code_env_control_name"/>
            <w:bookmarkEnd w:id="27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054F81B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6BECC4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0A4BAA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28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28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1D16F0D" w14:textId="77777777" w:rsidTr="001F6376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A99518B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06D9EFCE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141B7086" w14:textId="77777777" w:rsidTr="001F637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A9E2EED" w14:textId="77777777" w:rsidR="00EC6E6D" w:rsidRPr="005D2D5F" w:rsidRDefault="007D28B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" w:name="ind_control_items_control_item_nameX2"/>
            <w:bookmarkEnd w:id="29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17AEE78" w14:textId="77777777" w:rsidR="00EC6E6D" w:rsidRPr="005D2D5F" w:rsidRDefault="007D28B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" w:name="ind_control_items_control_item_nameX2_2"/>
            <w:bookmarkEnd w:id="30"/>
            <w:r>
              <w:rPr>
                <w:rFonts w:ascii="Arial" w:hAnsi="Arial" w:cs="Arial"/>
                <w:sz w:val="20"/>
                <w:szCs w:val="20"/>
              </w:rPr>
              <w:t>Kørsel med gravko. Det er Aalborg Kommunes vurdering, at støjkrav i skel kan overholdes.</w:t>
            </w:r>
          </w:p>
        </w:tc>
      </w:tr>
    </w:tbl>
    <w:p w14:paraId="7BB89320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AF55D31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72F139A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2B3D5512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15013A71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2050FD8" w14:textId="77777777" w:rsidR="00EC6E6D" w:rsidRPr="005D2D5F" w:rsidRDefault="007D28B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control_items_control_item_nameX3"/>
            <w:bookmarkEnd w:id="31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73DB2CC" w14:textId="77777777" w:rsidR="00EC6E6D" w:rsidRPr="005D2D5F" w:rsidRDefault="007D28B3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" w:name="ind_control_items_control_item_nameX3_2"/>
            <w:bookmarkEnd w:id="32"/>
            <w:r>
              <w:rPr>
                <w:rFonts w:ascii="Arial" w:hAnsi="Arial" w:cs="Arial"/>
                <w:sz w:val="20"/>
                <w:szCs w:val="20"/>
              </w:rPr>
              <w:t>Der er ingen procesvand fra virksomheden.</w:t>
            </w:r>
          </w:p>
        </w:tc>
      </w:tr>
    </w:tbl>
    <w:p w14:paraId="6B2BBE1D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3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33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588413EE" w14:textId="77777777" w:rsidTr="001F6376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829602A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365AE80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1B8A1BF1" w14:textId="77777777" w:rsidTr="001F637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DFD84ED" w14:textId="77777777" w:rsidR="00EC6E6D" w:rsidRPr="00245E8B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X5"/>
            <w:bookmarkEnd w:id="34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1E14E6A" w14:textId="77777777" w:rsidR="00EC6E6D" w:rsidRPr="00245E8B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control_items_control_item_nameX5_2"/>
            <w:bookmarkEnd w:id="35"/>
            <w:r>
              <w:rPr>
                <w:rFonts w:ascii="Arial" w:hAnsi="Arial" w:cs="Arial"/>
                <w:sz w:val="20"/>
                <w:szCs w:val="20"/>
              </w:rPr>
              <w:t xml:space="preserve">Virksomheden har en dieselolietank på 5900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liter.Tank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overflyttet fr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ørrehaln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Tanken er ikke anmeldt i BBR. Det blev aftalt på tilsynet, at virksomheden sørger for anmeldelse.</w:t>
            </w:r>
          </w:p>
        </w:tc>
      </w:tr>
    </w:tbl>
    <w:p w14:paraId="1C5EA174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6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36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66E75EFC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5649BC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FB8394B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97AC797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47C16D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09D436B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D439BD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5BF4C86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A0EBF59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533CD20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F512DD3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857D26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2F1EE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6C1057E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75FC85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739A20FD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AF0919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FFA5B49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2CFA3A8" w14:textId="77777777" w:rsidR="00EC6E6D" w:rsidRPr="00245E8B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rawmat_types_rawmat_name"/>
            <w:bookmarkEnd w:id="37"/>
            <w:r>
              <w:rPr>
                <w:rFonts w:ascii="Arial" w:hAnsi="Arial" w:cs="Arial"/>
                <w:sz w:val="20"/>
                <w:szCs w:val="20"/>
              </w:rPr>
              <w:t>Mineralsk 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2C63448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" w:name="ind_rawmat_types_rawmat_name_2"/>
            <w:bookmarkEnd w:id="38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8D0763C" w14:textId="77777777" w:rsidR="00EC6E6D" w:rsidRPr="00245E8B" w:rsidRDefault="001F6376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9" w:name="ind_rawmat_types_rawmat_name_3"/>
            <w:bookmarkEnd w:id="39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054D1F5" w14:textId="77777777" w:rsidR="00EC6E6D" w:rsidRPr="00245E8B" w:rsidRDefault="007D28B3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0" w:name="ind_rawmat_types_rawmat_name_4"/>
            <w:bookmarkEnd w:id="40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1078F00" w14:textId="77777777" w:rsidR="00EC6E6D" w:rsidRPr="00245E8B" w:rsidRDefault="007D28B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" w:name="ind_rawmat_types_rawmat_name_5"/>
            <w:bookmarkEnd w:id="41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A05DB86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2" w:name="ind_rawmat_types_rawmat_name_6"/>
            <w:bookmarkEnd w:id="42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DC38C6E" w14:textId="77777777" w:rsidR="00EC6E6D" w:rsidRPr="00245E8B" w:rsidRDefault="007D28B3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" w:name="ind_rawmat_types_rawmat_name_7"/>
            <w:bookmarkEnd w:id="43"/>
            <w:r>
              <w:rPr>
                <w:rFonts w:ascii="Arial" w:hAnsi="Arial" w:cs="Arial"/>
                <w:sz w:val="20"/>
                <w:szCs w:val="20"/>
              </w:rPr>
              <w:t>Opbevaring ikke i orden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61EF2F67" w14:textId="77777777" w:rsidR="00EC6E6D" w:rsidRPr="00245E8B" w:rsidRDefault="007D28B3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4" w:name="ind_rawmat_types_rawmat_name_8"/>
            <w:bookmarkEnd w:id="44"/>
            <w:r>
              <w:rPr>
                <w:rFonts w:ascii="Arial" w:hAnsi="Arial" w:cs="Arial"/>
                <w:sz w:val="20"/>
                <w:szCs w:val="20"/>
              </w:rPr>
              <w:t>2017</w:t>
            </w:r>
          </w:p>
        </w:tc>
      </w:tr>
    </w:tbl>
    <w:p w14:paraId="328CC355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09ED3ECA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5D2E561D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5AA86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6F2654D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D8E7052" w14:textId="77777777" w:rsidR="00EC6E6D" w:rsidRPr="00245E8B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X6"/>
            <w:bookmarkEnd w:id="45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C77E8B0" w14:textId="77777777" w:rsidR="00EC6E6D" w:rsidRPr="00245E8B" w:rsidRDefault="007D28B3" w:rsidP="00322EB8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X6_2"/>
            <w:bookmarkEnd w:id="46"/>
            <w:r>
              <w:rPr>
                <w:rFonts w:ascii="Arial" w:hAnsi="Arial" w:cs="Arial"/>
                <w:sz w:val="20"/>
                <w:szCs w:val="20"/>
              </w:rPr>
              <w:t>Virk</w:t>
            </w:r>
            <w:r w:rsidR="00322EB8">
              <w:rPr>
                <w:rFonts w:ascii="Arial" w:hAnsi="Arial" w:cs="Arial"/>
                <w:sz w:val="20"/>
                <w:szCs w:val="20"/>
              </w:rPr>
              <w:t>som</w:t>
            </w:r>
            <w:r>
              <w:rPr>
                <w:rFonts w:ascii="Arial" w:hAnsi="Arial" w:cs="Arial"/>
                <w:sz w:val="20"/>
                <w:szCs w:val="20"/>
              </w:rPr>
              <w:t>hedens smøreolietønde er opbevaret på gulvet i miljøcontaineren. Der er ikke spildbakke under, det blev oplyst under tilsynet, at den var bestilt men ikke modtaget endnu. Virksomheden bedes fremsende foto</w:t>
            </w:r>
            <w:r w:rsidR="00322EB8">
              <w:rPr>
                <w:rFonts w:ascii="Arial" w:hAnsi="Arial" w:cs="Arial"/>
                <w:sz w:val="20"/>
                <w:szCs w:val="20"/>
              </w:rPr>
              <w:t>-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dukumentati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or etablering af spildbakken senest 15. oktober 2017.</w:t>
            </w:r>
          </w:p>
        </w:tc>
      </w:tr>
    </w:tbl>
    <w:p w14:paraId="2C90CE90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lastRenderedPageBreak/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4EF618B" w14:textId="77777777" w:rsidTr="001F6376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A512ED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27800292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0B477AE" w14:textId="77777777" w:rsidTr="001F6376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E7E0EC7" w14:textId="77777777" w:rsidR="00EC6E6D" w:rsidRPr="00245E8B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X7"/>
            <w:bookmarkEnd w:id="47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509B6BE" w14:textId="77777777" w:rsidR="00EC6E6D" w:rsidRPr="00245E8B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7_2"/>
            <w:bookmarkEnd w:id="48"/>
            <w:r>
              <w:rPr>
                <w:rFonts w:ascii="Arial" w:hAnsi="Arial" w:cs="Arial"/>
                <w:sz w:val="20"/>
                <w:szCs w:val="20"/>
              </w:rPr>
              <w:t>Virksomhedens eneste affald ud over forbrændingsegnet er spildolie, der opbevares på spildbakke i miljøcont</w:t>
            </w:r>
            <w:r w:rsidR="00322EB8">
              <w:rPr>
                <w:rFonts w:ascii="Arial" w:hAnsi="Arial" w:cs="Arial"/>
                <w:sz w:val="20"/>
                <w:szCs w:val="20"/>
              </w:rPr>
              <w:t>a</w:t>
            </w:r>
            <w:r>
              <w:rPr>
                <w:rFonts w:ascii="Arial" w:hAnsi="Arial" w:cs="Arial"/>
                <w:sz w:val="20"/>
                <w:szCs w:val="20"/>
              </w:rPr>
              <w:t>ineren</w:t>
            </w:r>
          </w:p>
        </w:tc>
      </w:tr>
    </w:tbl>
    <w:p w14:paraId="66603430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2A59ECB4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13BEF772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0279A5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9A41A89" w14:textId="77777777" w:rsidTr="007D28B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6DA8616" w14:textId="77777777" w:rsidR="00EC6E6D" w:rsidRPr="00245E8B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11"/>
            <w:bookmarkEnd w:id="49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856EBE3" w14:textId="77777777" w:rsidR="00EC6E6D" w:rsidRPr="00245E8B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X11_2"/>
            <w:bookmarkEnd w:id="50"/>
            <w:r>
              <w:rPr>
                <w:rFonts w:ascii="Arial" w:hAnsi="Arial" w:cs="Arial"/>
                <w:sz w:val="20"/>
                <w:szCs w:val="20"/>
              </w:rPr>
              <w:t>Virksomhedens egenkontrol gav ikke anledning til bemærkninger.</w:t>
            </w:r>
          </w:p>
        </w:tc>
      </w:tr>
      <w:tr w:rsidR="007D28B3" w:rsidRPr="00245E8B" w14:paraId="1B40000B" w14:textId="77777777" w:rsidTr="007D28B3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79AE705" w14:textId="77777777" w:rsidR="007D28B3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X11_3"/>
            <w:bookmarkEnd w:id="51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C9D57D9" w14:textId="77777777" w:rsidR="007D28B3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X11_4"/>
            <w:bookmarkEnd w:id="52"/>
            <w:r>
              <w:rPr>
                <w:rFonts w:ascii="Arial" w:hAnsi="Arial" w:cs="Arial"/>
                <w:sz w:val="20"/>
                <w:szCs w:val="20"/>
              </w:rPr>
              <w:t>Der blev ikke konstateret tegn på jordforurening under tilsynet.</w:t>
            </w:r>
          </w:p>
        </w:tc>
      </w:tr>
      <w:tr w:rsidR="007D28B3" w:rsidRPr="00245E8B" w14:paraId="7D846C7F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14E622B" w14:textId="77777777" w:rsidR="007D28B3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11_5"/>
            <w:bookmarkEnd w:id="53"/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718B9A1" w14:textId="77777777" w:rsidR="007D28B3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11_6"/>
            <w:bookmarkEnd w:id="54"/>
            <w:r>
              <w:rPr>
                <w:rFonts w:ascii="Arial" w:hAnsi="Arial" w:cs="Arial"/>
                <w:sz w:val="20"/>
                <w:szCs w:val="20"/>
              </w:rPr>
              <w:t>Virksomheden blev orienteret om Netværk for Bæredygtig Erhvervsudvikling (NBE), og informationsfolder blev udlevet.</w:t>
            </w:r>
          </w:p>
          <w:p w14:paraId="4A961D32" w14:textId="77777777" w:rsidR="007D28B3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BEAE5F2" w14:textId="77777777" w:rsidR="007D28B3" w:rsidRDefault="007D28B3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Lars Andersen oplyste, at der ikke efterspørges miljøledelse i branchen. </w:t>
            </w:r>
          </w:p>
        </w:tc>
      </w:tr>
    </w:tbl>
    <w:p w14:paraId="5C434071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1B0C1614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97226A6" w14:textId="77777777" w:rsidR="00185E84" w:rsidRDefault="00185E84">
      <w:r>
        <w:separator/>
      </w:r>
    </w:p>
  </w:endnote>
  <w:endnote w:type="continuationSeparator" w:id="0">
    <w:p w14:paraId="6E750990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1CF87A9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65BB5635" wp14:editId="5EE71AED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94F33F4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0897473D" wp14:editId="2E94ACE7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5BB5635"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794F33F4" w14:textId="77777777"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0897473D" wp14:editId="2E94ACE7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322EB8">
      <w:rPr>
        <w:rStyle w:val="Sidetal"/>
        <w:noProof/>
      </w:rPr>
      <w:t>3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322EB8">
      <w:rPr>
        <w:rStyle w:val="Sidetal"/>
        <w:noProof/>
      </w:rPr>
      <w:t>3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2F4CF76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44C7B2DD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5F85B953" wp14:editId="28239D1D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B451827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8B9E72C" wp14:editId="2EE640E0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F85B953"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1B451827" w14:textId="77777777"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18B9E72C" wp14:editId="2EE640E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CBEABBE" w14:textId="77777777" w:rsidR="00185E84" w:rsidRDefault="00185E84">
      <w:r>
        <w:separator/>
      </w:r>
    </w:p>
  </w:footnote>
  <w:footnote w:type="continuationSeparator" w:id="0">
    <w:p w14:paraId="734D9F9D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0CAAA42" w14:textId="77777777" w:rsidR="00185E84" w:rsidRDefault="00185E84" w:rsidP="00960A46">
    <w:pPr>
      <w:pStyle w:val="Sidehoved"/>
    </w:pPr>
  </w:p>
  <w:p w14:paraId="29F2A4E8" w14:textId="77777777" w:rsidR="00185E84" w:rsidRDefault="00185E84" w:rsidP="00960A46">
    <w:pPr>
      <w:pStyle w:val="Sidehoved"/>
    </w:pPr>
  </w:p>
  <w:p w14:paraId="5CAD26BB" w14:textId="77777777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>Aalborg Kommune, Miljø, MEF</w:t>
    </w:r>
    <w:r w:rsidRPr="00C96C06">
      <w:rPr>
        <w:i/>
        <w:sz w:val="20"/>
        <w:szCs w:val="20"/>
      </w:rPr>
      <w:br/>
      <w:t>Stigsborg Brygge 5, 9400 Nørresundby</w:t>
    </w:r>
  </w:p>
  <w:p w14:paraId="79B3B497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6300D09C" wp14:editId="314FDAB2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436829247">
    <w:abstractNumId w:val="11"/>
  </w:num>
  <w:num w:numId="2" w16cid:durableId="1607545488">
    <w:abstractNumId w:val="8"/>
  </w:num>
  <w:num w:numId="3" w16cid:durableId="1450468935">
    <w:abstractNumId w:val="10"/>
  </w:num>
  <w:num w:numId="4" w16cid:durableId="910845270">
    <w:abstractNumId w:val="9"/>
  </w:num>
  <w:num w:numId="5" w16cid:durableId="1868718601">
    <w:abstractNumId w:val="7"/>
  </w:num>
  <w:num w:numId="6" w16cid:durableId="395907072">
    <w:abstractNumId w:val="6"/>
  </w:num>
  <w:num w:numId="7" w16cid:durableId="549876317">
    <w:abstractNumId w:val="5"/>
  </w:num>
  <w:num w:numId="8" w16cid:durableId="1850292890">
    <w:abstractNumId w:val="4"/>
  </w:num>
  <w:num w:numId="9" w16cid:durableId="1776053276">
    <w:abstractNumId w:val="3"/>
  </w:num>
  <w:num w:numId="10" w16cid:durableId="907157429">
    <w:abstractNumId w:val="2"/>
  </w:num>
  <w:num w:numId="11" w16cid:durableId="87818584">
    <w:abstractNumId w:val="1"/>
  </w:num>
  <w:num w:numId="12" w16cid:durableId="871960515">
    <w:abstractNumId w:val="0"/>
  </w:num>
  <w:num w:numId="13" w16cid:durableId="1675644244">
    <w:abstractNumId w:val="10"/>
  </w:num>
  <w:num w:numId="14" w16cid:durableId="2040860253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48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F6188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65547"/>
    <w:rsid w:val="00077297"/>
    <w:rsid w:val="000806D5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21B1"/>
    <w:rsid w:val="001E2B90"/>
    <w:rsid w:val="001E3B97"/>
    <w:rsid w:val="001F13F1"/>
    <w:rsid w:val="001F6376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2EB8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354B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05D6"/>
    <w:rsid w:val="00543377"/>
    <w:rsid w:val="00545D81"/>
    <w:rsid w:val="005465BB"/>
    <w:rsid w:val="00546690"/>
    <w:rsid w:val="00552C23"/>
    <w:rsid w:val="0055382E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28B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0F16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741"/>
    <w:rsid w:val="00D26FE1"/>
    <w:rsid w:val="00D27793"/>
    <w:rsid w:val="00D30496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81"/>
    <o:shapelayout v:ext="edit">
      <o:idmap v:ext="edit" data="1"/>
    </o:shapelayout>
  </w:shapeDefaults>
  <w:decimalSymbol w:val=","/>
  <w:listSeparator w:val=";"/>
  <w14:docId w14:val="50EA0817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customXml" Target="../customXml/item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customXml" Target="../customXml/item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Relationship Id="rId14" Type="http://schemas.openxmlformats.org/officeDocument/2006/relationships/customXml" Target="../customXml/item3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hth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172DB44E-38D5-4113-984D-AD46F869D075}"/>
</file>

<file path=customXml/itemProps2.xml><?xml version="1.0" encoding="utf-8"?>
<ds:datastoreItem xmlns:ds="http://schemas.openxmlformats.org/officeDocument/2006/customXml" ds:itemID="{2FA21329-8A6F-45B5-B109-1457E6061A88}"/>
</file>

<file path=customXml/itemProps3.xml><?xml version="1.0" encoding="utf-8"?>
<ds:datastoreItem xmlns:ds="http://schemas.openxmlformats.org/officeDocument/2006/customXml" ds:itemID="{8EA2260C-C981-4679-8355-4E74F0EF50EE}"/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0</TotalTime>
  <Pages>3</Pages>
  <Words>326</Words>
  <Characters>2342</Characters>
  <Application>Microsoft Office Word</Application>
  <DocSecurity>0</DocSecurity>
  <Lines>156</Lines>
  <Paragraphs>98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25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ian Rasmussen</dc:creator>
  <cp:lastModifiedBy>Frederik Bols Thomsen</cp:lastModifiedBy>
  <cp:revision>2</cp:revision>
  <cp:lastPrinted>2017-09-18T11:18:00Z</cp:lastPrinted>
  <dcterms:created xsi:type="dcterms:W3CDTF">2025-03-05T09:01:00Z</dcterms:created>
  <dcterms:modified xsi:type="dcterms:W3CDTF">2025-03-05T09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3BF9BEAC586DE4F8BF365F17E00181B</vt:lpwstr>
  </property>
</Properties>
</file>